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7-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7-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pster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Lettertype, symbool&#10;&#10;Automatisch gegenereerde beschrijving">
            <a:extLst>
              <a:ext uri="{FF2B5EF4-FFF2-40B4-BE49-F238E27FC236}">
                <a16:creationId xmlns:a16="http://schemas.microsoft.com/office/drawing/2014/main" id="{E2252566-4EE1-C1A2-9559-CC8DD8BBFF3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2634" y="4558178"/>
            <a:ext cx="1816439"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ogo, Lettertype, symbool&#10;&#10;Automatisch gegenereerde beschrijving">
            <a:extLst>
              <a:ext uri="{FF2B5EF4-FFF2-40B4-BE49-F238E27FC236}">
                <a16:creationId xmlns:a16="http://schemas.microsoft.com/office/drawing/2014/main" id="{9CE5659D-A414-920B-2FA3-E96A8D2E188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8914" y="3675540"/>
            <a:ext cx="1411446" cy="163445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27T12:40:05Z</dcterms:modified>
</cp:coreProperties>
</file>